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48\Downloads\"/>
    </mc:Choice>
  </mc:AlternateContent>
  <xr:revisionPtr revIDLastSave="0" documentId="13_ncr:1_{B68667D9-FA91-4CB5-96B3-C06977F50FEA}" xr6:coauthVersionLast="47" xr6:coauthVersionMax="47" xr10:uidLastSave="{00000000-0000-0000-0000-000000000000}"/>
  <bookViews>
    <workbookView xWindow="-57720" yWindow="-120" windowWidth="29040" windowHeight="15840" xr2:uid="{00000000-000D-0000-FFFF-FFFF00000000}"/>
  </bookViews>
  <sheets>
    <sheet name="Dressage (2)" sheetId="1" r:id="rId1"/>
  </sheets>
  <definedNames>
    <definedName name="_xlnm._FilterDatabase" localSheetId="0" hidden="1">'Dressage (2)'!$A$1:$R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26" uniqueCount="111">
  <si>
    <t>Discipline</t>
  </si>
  <si>
    <t>EventDate</t>
  </si>
  <si>
    <t>EventName</t>
  </si>
  <si>
    <t>Entries</t>
  </si>
  <si>
    <t>TotalPrize</t>
  </si>
  <si>
    <t>HorseNo</t>
  </si>
  <si>
    <t>Horse</t>
  </si>
  <si>
    <t>RiderNo</t>
  </si>
  <si>
    <t>Rider</t>
  </si>
  <si>
    <t>Class</t>
  </si>
  <si>
    <t>Grade</t>
  </si>
  <si>
    <t>Div</t>
  </si>
  <si>
    <t>Place</t>
  </si>
  <si>
    <t>Points</t>
  </si>
  <si>
    <t>Prize</t>
  </si>
  <si>
    <t>DR%</t>
  </si>
  <si>
    <t>Notes</t>
  </si>
  <si>
    <t>AAOR</t>
  </si>
  <si>
    <t>Dressage</t>
  </si>
  <si>
    <t>Sandra Sloane Memorial DTas NW Zone</t>
  </si>
  <si>
    <t>BALLAHOWE FUNHOUSE</t>
  </si>
  <si>
    <t>Olivia Creese</t>
  </si>
  <si>
    <t>Closed Novice 2B</t>
  </si>
  <si>
    <t>No</t>
  </si>
  <si>
    <t>FAIRISLE TRIBAL DESIGN</t>
  </si>
  <si>
    <t>Diane Johnston</t>
  </si>
  <si>
    <t>ALPACINO</t>
  </si>
  <si>
    <t>Carolyne Miller</t>
  </si>
  <si>
    <t>Closed Preliminary 1B</t>
  </si>
  <si>
    <t>GE WINTON</t>
  </si>
  <si>
    <t>Mickcarla Townsend</t>
  </si>
  <si>
    <t>BS GRACIE</t>
  </si>
  <si>
    <t>Melanie Paterson</t>
  </si>
  <si>
    <t>NEW WORLD CONTAGIOUS</t>
  </si>
  <si>
    <t>Jennifer Shepherd</t>
  </si>
  <si>
    <t>ARABEC JUSTA LIL DANCER</t>
  </si>
  <si>
    <t>Elizabeth Scholte</t>
  </si>
  <si>
    <t>BREEZE</t>
  </si>
  <si>
    <t>Jodi Strobl</t>
  </si>
  <si>
    <t>Closed Preliminary 1C</t>
  </si>
  <si>
    <t>LEADBURN DON AMOUR</t>
  </si>
  <si>
    <t>Jordan Gale</t>
  </si>
  <si>
    <t>Open Advanced 5B</t>
  </si>
  <si>
    <t>ADV</t>
  </si>
  <si>
    <t>Open Advanced 5C</t>
  </si>
  <si>
    <t>OBSESSED BY COLOUR</t>
  </si>
  <si>
    <t>Karla Webb</t>
  </si>
  <si>
    <t>Open Elementary 3B</t>
  </si>
  <si>
    <t>ELEM</t>
  </si>
  <si>
    <t>NORDEN GRACE</t>
  </si>
  <si>
    <t>Celina Johnston</t>
  </si>
  <si>
    <t>Open Elementary 3C</t>
  </si>
  <si>
    <t>RUM N RAISIN</t>
  </si>
  <si>
    <t>Leanne Gaffney</t>
  </si>
  <si>
    <t>Open Intermediate 1</t>
  </si>
  <si>
    <t>FEI</t>
  </si>
  <si>
    <t>MS COCKTAIL</t>
  </si>
  <si>
    <t>Caitlin Radford</t>
  </si>
  <si>
    <t>Open Medium 4B</t>
  </si>
  <si>
    <t>MED</t>
  </si>
  <si>
    <t>LORD OF AUSTRALIS</t>
  </si>
  <si>
    <t>De-arne Cuthbertson</t>
  </si>
  <si>
    <t>Open Medium 4C</t>
  </si>
  <si>
    <t>HEATHMONT FURST DANCER</t>
  </si>
  <si>
    <t>Kim Phillips</t>
  </si>
  <si>
    <t>Open Novice 2B</t>
  </si>
  <si>
    <t>NOV</t>
  </si>
  <si>
    <t>RHIANNON R</t>
  </si>
  <si>
    <t>Tammy Cunningham</t>
  </si>
  <si>
    <t>WALLBROOK GISELLE</t>
  </si>
  <si>
    <t>Louisa Galpin</t>
  </si>
  <si>
    <t>BLOOMFIELD FURST PIK</t>
  </si>
  <si>
    <t>Montana Broomhall</t>
  </si>
  <si>
    <t>CALYPSO BAY</t>
  </si>
  <si>
    <t>Catherine Viney</t>
  </si>
  <si>
    <t>GE FELIX</t>
  </si>
  <si>
    <t>Robekah Mcdougall</t>
  </si>
  <si>
    <t>SOMERFORD LUANA</t>
  </si>
  <si>
    <t>Emma Nightingale</t>
  </si>
  <si>
    <t>ALESTO STAR</t>
  </si>
  <si>
    <t>Carla Giles</t>
  </si>
  <si>
    <t>Open Novice 2C</t>
  </si>
  <si>
    <t>BENSONS TRINKET</t>
  </si>
  <si>
    <t>Catherine Furzer</t>
  </si>
  <si>
    <t>Open Pony Elementary 3B</t>
  </si>
  <si>
    <t>Open Pony Elementary 3C</t>
  </si>
  <si>
    <t>WYANN GREAT EXPECTATIONS</t>
  </si>
  <si>
    <t>Rebecca Brooks</t>
  </si>
  <si>
    <t>Open Pony Novice 2B</t>
  </si>
  <si>
    <t>WOLTER VAN GELDER</t>
  </si>
  <si>
    <t>Kenya Broad</t>
  </si>
  <si>
    <t>Open Preliminary 1B</t>
  </si>
  <si>
    <t>PRE</t>
  </si>
  <si>
    <t>ADMIRAL MI</t>
  </si>
  <si>
    <t>Jodie Towns</t>
  </si>
  <si>
    <t>ROSENTEIN GRACE</t>
  </si>
  <si>
    <t>Jenny Hodder</t>
  </si>
  <si>
    <t>OCEANA FIRSTWORD</t>
  </si>
  <si>
    <t>Chloe Harris</t>
  </si>
  <si>
    <t>FAIRHOLME FLORENCE</t>
  </si>
  <si>
    <t>Sally Milbourne</t>
  </si>
  <si>
    <t>Open Preliminary 1C</t>
  </si>
  <si>
    <t>TWIN RIVERS NIKITA</t>
  </si>
  <si>
    <t>Jenna Sommerville</t>
  </si>
  <si>
    <t>Preparatory A</t>
  </si>
  <si>
    <t>MARBELLA LITTLE DIVA</t>
  </si>
  <si>
    <t>Meghan Smith</t>
  </si>
  <si>
    <t>HARASHIO</t>
  </si>
  <si>
    <t>n/a</t>
  </si>
  <si>
    <t>Ruby Gardner</t>
  </si>
  <si>
    <t>Preparatory 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8" fillId="33" borderId="0" xfId="0" applyFont="1" applyFill="1"/>
    <xf numFmtId="0" fontId="18" fillId="33" borderId="10" xfId="0" applyFont="1" applyFill="1" applyBorder="1" applyAlignment="1">
      <alignment wrapText="1"/>
    </xf>
    <xf numFmtId="0" fontId="19" fillId="33" borderId="10" xfId="0" applyFont="1" applyFill="1" applyBorder="1" applyAlignment="1">
      <alignment wrapText="1"/>
    </xf>
    <xf numFmtId="14" fontId="18" fillId="33" borderId="10" xfId="0" applyNumberFormat="1" applyFont="1" applyFill="1" applyBorder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62"/>
  <sheetViews>
    <sheetView showGridLines="0" tabSelected="1" topLeftCell="A43" workbookViewId="0">
      <selection activeCell="X4" sqref="X4"/>
    </sheetView>
  </sheetViews>
  <sheetFormatPr defaultRowHeight="15" x14ac:dyDescent="0.25"/>
  <cols>
    <col min="1" max="1" width="8.140625" bestFit="1" customWidth="1"/>
    <col min="2" max="2" width="9.5703125" bestFit="1" customWidth="1"/>
    <col min="3" max="3" width="31.42578125" bestFit="1" customWidth="1"/>
    <col min="4" max="4" width="6.140625" bestFit="1" customWidth="1"/>
    <col min="5" max="5" width="8.42578125" bestFit="1" customWidth="1"/>
    <col min="6" max="6" width="8.140625" bestFit="1" customWidth="1"/>
    <col min="7" max="7" width="24.28515625" bestFit="1" customWidth="1"/>
    <col min="8" max="8" width="7.140625" bestFit="1" customWidth="1"/>
    <col min="9" max="9" width="17" bestFit="1" customWidth="1"/>
    <col min="10" max="10" width="20.7109375" bestFit="1" customWidth="1"/>
    <col min="11" max="11" width="5.42578125" bestFit="1" customWidth="1"/>
    <col min="12" max="12" width="3.28515625" bestFit="1" customWidth="1"/>
    <col min="13" max="13" width="4.85546875" bestFit="1" customWidth="1"/>
    <col min="14" max="14" width="5.5703125" bestFit="1" customWidth="1"/>
    <col min="15" max="15" width="4.5703125" bestFit="1" customWidth="1"/>
    <col min="16" max="16" width="6.28515625" bestFit="1" customWidth="1"/>
    <col min="17" max="18" width="5.28515625" bestFit="1" customWidth="1"/>
  </cols>
  <sheetData>
    <row r="1" spans="1:18" s="1" customFormat="1" ht="25.5" x14ac:dyDescent="0.2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</row>
    <row r="2" spans="1:18" s="1" customFormat="1" ht="25.5" x14ac:dyDescent="0.2">
      <c r="A2" s="2" t="s">
        <v>18</v>
      </c>
      <c r="B2" s="4">
        <v>44584</v>
      </c>
      <c r="C2" s="2" t="s">
        <v>19</v>
      </c>
      <c r="D2" s="2">
        <v>2</v>
      </c>
      <c r="E2" s="2">
        <v>0</v>
      </c>
      <c r="F2" s="2"/>
      <c r="G2" s="2" t="s">
        <v>20</v>
      </c>
      <c r="H2" s="2">
        <v>1023810</v>
      </c>
      <c r="I2" s="2" t="s">
        <v>21</v>
      </c>
      <c r="J2" s="2" t="s">
        <v>22</v>
      </c>
      <c r="K2" s="2"/>
      <c r="L2" s="2"/>
      <c r="M2" s="2">
        <v>1</v>
      </c>
      <c r="N2" s="2"/>
      <c r="O2" s="2">
        <v>0</v>
      </c>
      <c r="P2" s="2">
        <v>62.206000000000003</v>
      </c>
      <c r="Q2" s="2"/>
      <c r="R2" s="2" t="s">
        <v>23</v>
      </c>
    </row>
    <row r="3" spans="1:18" s="1" customFormat="1" ht="25.5" x14ac:dyDescent="0.2">
      <c r="A3" s="2" t="s">
        <v>18</v>
      </c>
      <c r="B3" s="4">
        <v>44584</v>
      </c>
      <c r="C3" s="2" t="s">
        <v>19</v>
      </c>
      <c r="D3" s="2">
        <v>2</v>
      </c>
      <c r="E3" s="2">
        <v>0</v>
      </c>
      <c r="F3" s="2"/>
      <c r="G3" s="2" t="s">
        <v>24</v>
      </c>
      <c r="H3" s="2">
        <v>1031569</v>
      </c>
      <c r="I3" s="2" t="s">
        <v>25</v>
      </c>
      <c r="J3" s="2" t="s">
        <v>22</v>
      </c>
      <c r="K3" s="2"/>
      <c r="L3" s="2"/>
      <c r="M3" s="2">
        <v>2</v>
      </c>
      <c r="N3" s="2"/>
      <c r="O3" s="2">
        <v>0</v>
      </c>
      <c r="P3" s="2">
        <v>59.853000000000002</v>
      </c>
      <c r="Q3" s="2"/>
      <c r="R3" s="2" t="s">
        <v>23</v>
      </c>
    </row>
    <row r="4" spans="1:18" s="1" customFormat="1" ht="25.5" x14ac:dyDescent="0.2">
      <c r="A4" s="2" t="s">
        <v>18</v>
      </c>
      <c r="B4" s="4">
        <v>44584</v>
      </c>
      <c r="C4" s="2" t="s">
        <v>19</v>
      </c>
      <c r="D4" s="2">
        <v>6</v>
      </c>
      <c r="E4" s="2">
        <v>0</v>
      </c>
      <c r="F4" s="2">
        <v>60017283</v>
      </c>
      <c r="G4" s="2" t="s">
        <v>26</v>
      </c>
      <c r="H4" s="2">
        <v>7100193</v>
      </c>
      <c r="I4" s="2" t="s">
        <v>27</v>
      </c>
      <c r="J4" s="2" t="s">
        <v>28</v>
      </c>
      <c r="K4" s="2"/>
      <c r="L4" s="2"/>
      <c r="M4" s="2">
        <v>1</v>
      </c>
      <c r="N4" s="2"/>
      <c r="O4" s="2">
        <v>0</v>
      </c>
      <c r="P4" s="2">
        <v>65.179000000000002</v>
      </c>
      <c r="Q4" s="2"/>
      <c r="R4" s="2" t="s">
        <v>23</v>
      </c>
    </row>
    <row r="5" spans="1:18" s="1" customFormat="1" ht="25.5" x14ac:dyDescent="0.2">
      <c r="A5" s="2" t="s">
        <v>18</v>
      </c>
      <c r="B5" s="4">
        <v>44584</v>
      </c>
      <c r="C5" s="2" t="s">
        <v>19</v>
      </c>
      <c r="D5" s="2">
        <v>6</v>
      </c>
      <c r="E5" s="2">
        <v>0</v>
      </c>
      <c r="F5" s="2">
        <v>60027392</v>
      </c>
      <c r="G5" s="2" t="s">
        <v>29</v>
      </c>
      <c r="H5" s="2">
        <v>7000854</v>
      </c>
      <c r="I5" s="2" t="s">
        <v>30</v>
      </c>
      <c r="J5" s="2" t="s">
        <v>28</v>
      </c>
      <c r="K5" s="2"/>
      <c r="L5" s="2"/>
      <c r="M5" s="2">
        <v>2</v>
      </c>
      <c r="N5" s="2"/>
      <c r="O5" s="2">
        <v>0</v>
      </c>
      <c r="P5" s="2">
        <v>64.463999999999999</v>
      </c>
      <c r="Q5" s="2"/>
      <c r="R5" s="2" t="s">
        <v>23</v>
      </c>
    </row>
    <row r="6" spans="1:18" s="1" customFormat="1" ht="25.5" x14ac:dyDescent="0.2">
      <c r="A6" s="2" t="s">
        <v>18</v>
      </c>
      <c r="B6" s="4">
        <v>44584</v>
      </c>
      <c r="C6" s="2" t="s">
        <v>19</v>
      </c>
      <c r="D6" s="2">
        <v>6</v>
      </c>
      <c r="E6" s="2">
        <v>0</v>
      </c>
      <c r="F6" s="2"/>
      <c r="G6" s="2" t="s">
        <v>31</v>
      </c>
      <c r="H6" s="2">
        <v>7002865</v>
      </c>
      <c r="I6" s="2" t="s">
        <v>32</v>
      </c>
      <c r="J6" s="2" t="s">
        <v>28</v>
      </c>
      <c r="K6" s="2"/>
      <c r="L6" s="2"/>
      <c r="M6" s="2">
        <v>3</v>
      </c>
      <c r="N6" s="2"/>
      <c r="O6" s="2">
        <v>0</v>
      </c>
      <c r="P6" s="2">
        <v>63.393000000000001</v>
      </c>
      <c r="Q6" s="2"/>
      <c r="R6" s="2" t="s">
        <v>23</v>
      </c>
    </row>
    <row r="7" spans="1:18" s="1" customFormat="1" ht="25.5" x14ac:dyDescent="0.2">
      <c r="A7" s="2" t="s">
        <v>18</v>
      </c>
      <c r="B7" s="4">
        <v>44584</v>
      </c>
      <c r="C7" s="2" t="s">
        <v>19</v>
      </c>
      <c r="D7" s="2">
        <v>6</v>
      </c>
      <c r="E7" s="2">
        <v>0</v>
      </c>
      <c r="F7" s="2"/>
      <c r="G7" s="2" t="s">
        <v>33</v>
      </c>
      <c r="H7" s="2">
        <v>0</v>
      </c>
      <c r="I7" s="2" t="s">
        <v>34</v>
      </c>
      <c r="J7" s="2" t="s">
        <v>28</v>
      </c>
      <c r="K7" s="2"/>
      <c r="L7" s="2"/>
      <c r="M7" s="2">
        <v>4</v>
      </c>
      <c r="N7" s="2"/>
      <c r="O7" s="2">
        <v>0</v>
      </c>
      <c r="P7" s="2">
        <v>62.143000000000001</v>
      </c>
      <c r="Q7" s="2"/>
      <c r="R7" s="2" t="s">
        <v>23</v>
      </c>
    </row>
    <row r="8" spans="1:18" s="1" customFormat="1" ht="25.5" x14ac:dyDescent="0.2">
      <c r="A8" s="2" t="s">
        <v>18</v>
      </c>
      <c r="B8" s="4">
        <v>44584</v>
      </c>
      <c r="C8" s="2" t="s">
        <v>19</v>
      </c>
      <c r="D8" s="2">
        <v>6</v>
      </c>
      <c r="E8" s="2">
        <v>0</v>
      </c>
      <c r="F8" s="2">
        <v>1025831</v>
      </c>
      <c r="G8" s="2" t="s">
        <v>35</v>
      </c>
      <c r="H8" s="2">
        <v>1025831</v>
      </c>
      <c r="I8" s="2" t="s">
        <v>36</v>
      </c>
      <c r="J8" s="2" t="s">
        <v>28</v>
      </c>
      <c r="K8" s="2"/>
      <c r="L8" s="2"/>
      <c r="M8" s="2">
        <v>5</v>
      </c>
      <c r="N8" s="2"/>
      <c r="O8" s="2">
        <v>0</v>
      </c>
      <c r="P8" s="2">
        <v>61.606999999999999</v>
      </c>
      <c r="Q8" s="2"/>
      <c r="R8" s="2" t="s">
        <v>23</v>
      </c>
    </row>
    <row r="9" spans="1:18" s="1" customFormat="1" ht="25.5" x14ac:dyDescent="0.2">
      <c r="A9" s="2" t="s">
        <v>18</v>
      </c>
      <c r="B9" s="4">
        <v>44584</v>
      </c>
      <c r="C9" s="2" t="s">
        <v>19</v>
      </c>
      <c r="D9" s="2">
        <v>6</v>
      </c>
      <c r="E9" s="2">
        <v>0</v>
      </c>
      <c r="F9" s="2"/>
      <c r="G9" s="2" t="s">
        <v>37</v>
      </c>
      <c r="H9" s="2">
        <v>0</v>
      </c>
      <c r="I9" s="2" t="s">
        <v>38</v>
      </c>
      <c r="J9" s="2" t="s">
        <v>28</v>
      </c>
      <c r="K9" s="2"/>
      <c r="L9" s="2"/>
      <c r="M9" s="2">
        <v>6</v>
      </c>
      <c r="N9" s="2"/>
      <c r="O9" s="2">
        <v>0</v>
      </c>
      <c r="P9" s="2">
        <v>61.25</v>
      </c>
      <c r="Q9" s="2"/>
      <c r="R9" s="2" t="s">
        <v>23</v>
      </c>
    </row>
    <row r="10" spans="1:18" s="1" customFormat="1" ht="25.5" x14ac:dyDescent="0.2">
      <c r="A10" s="2" t="s">
        <v>18</v>
      </c>
      <c r="B10" s="4">
        <v>44584</v>
      </c>
      <c r="C10" s="2" t="s">
        <v>19</v>
      </c>
      <c r="D10" s="2">
        <v>7</v>
      </c>
      <c r="E10" s="2">
        <v>0</v>
      </c>
      <c r="F10" s="2">
        <v>60017283</v>
      </c>
      <c r="G10" s="2" t="s">
        <v>26</v>
      </c>
      <c r="H10" s="2">
        <v>7100193</v>
      </c>
      <c r="I10" s="2" t="s">
        <v>27</v>
      </c>
      <c r="J10" s="2" t="s">
        <v>39</v>
      </c>
      <c r="K10" s="2"/>
      <c r="L10" s="2"/>
      <c r="M10" s="2">
        <v>1</v>
      </c>
      <c r="N10" s="2"/>
      <c r="O10" s="2">
        <v>0</v>
      </c>
      <c r="P10" s="2">
        <v>63.929000000000002</v>
      </c>
      <c r="Q10" s="2"/>
      <c r="R10" s="2" t="s">
        <v>23</v>
      </c>
    </row>
    <row r="11" spans="1:18" s="1" customFormat="1" ht="25.5" x14ac:dyDescent="0.2">
      <c r="A11" s="2" t="s">
        <v>18</v>
      </c>
      <c r="B11" s="4">
        <v>44584</v>
      </c>
      <c r="C11" s="2" t="s">
        <v>19</v>
      </c>
      <c r="D11" s="2">
        <v>7</v>
      </c>
      <c r="E11" s="2">
        <v>0</v>
      </c>
      <c r="F11" s="2">
        <v>60027392</v>
      </c>
      <c r="G11" s="2" t="s">
        <v>29</v>
      </c>
      <c r="H11" s="2">
        <v>7000854</v>
      </c>
      <c r="I11" s="2" t="s">
        <v>30</v>
      </c>
      <c r="J11" s="2" t="s">
        <v>39</v>
      </c>
      <c r="K11" s="2"/>
      <c r="L11" s="2"/>
      <c r="M11" s="2">
        <v>2</v>
      </c>
      <c r="N11" s="2"/>
      <c r="O11" s="2">
        <v>0</v>
      </c>
      <c r="P11" s="2">
        <v>62.856999999999999</v>
      </c>
      <c r="Q11" s="2"/>
      <c r="R11" s="2" t="s">
        <v>23</v>
      </c>
    </row>
    <row r="12" spans="1:18" s="1" customFormat="1" ht="25.5" x14ac:dyDescent="0.2">
      <c r="A12" s="2" t="s">
        <v>18</v>
      </c>
      <c r="B12" s="4">
        <v>44584</v>
      </c>
      <c r="C12" s="2" t="s">
        <v>19</v>
      </c>
      <c r="D12" s="2">
        <v>7</v>
      </c>
      <c r="E12" s="2">
        <v>0</v>
      </c>
      <c r="F12" s="2"/>
      <c r="G12" s="2" t="s">
        <v>31</v>
      </c>
      <c r="H12" s="2">
        <v>7002865</v>
      </c>
      <c r="I12" s="2" t="s">
        <v>32</v>
      </c>
      <c r="J12" s="2" t="s">
        <v>39</v>
      </c>
      <c r="K12" s="2"/>
      <c r="L12" s="2"/>
      <c r="M12" s="2">
        <v>3</v>
      </c>
      <c r="N12" s="2"/>
      <c r="O12" s="2">
        <v>0</v>
      </c>
      <c r="P12" s="2">
        <v>62.143000000000001</v>
      </c>
      <c r="Q12" s="2"/>
      <c r="R12" s="2" t="s">
        <v>23</v>
      </c>
    </row>
    <row r="13" spans="1:18" s="1" customFormat="1" ht="25.5" x14ac:dyDescent="0.2">
      <c r="A13" s="2" t="s">
        <v>18</v>
      </c>
      <c r="B13" s="4">
        <v>44584</v>
      </c>
      <c r="C13" s="2" t="s">
        <v>19</v>
      </c>
      <c r="D13" s="2">
        <v>7</v>
      </c>
      <c r="E13" s="2">
        <v>0</v>
      </c>
      <c r="F13" s="2"/>
      <c r="G13" s="2" t="s">
        <v>33</v>
      </c>
      <c r="H13" s="2">
        <v>0</v>
      </c>
      <c r="I13" s="2" t="s">
        <v>34</v>
      </c>
      <c r="J13" s="2" t="s">
        <v>39</v>
      </c>
      <c r="K13" s="2"/>
      <c r="L13" s="2"/>
      <c r="M13" s="2">
        <v>4</v>
      </c>
      <c r="N13" s="2"/>
      <c r="O13" s="2">
        <v>0</v>
      </c>
      <c r="P13" s="2">
        <v>60.893000000000001</v>
      </c>
      <c r="Q13" s="2"/>
      <c r="R13" s="2" t="s">
        <v>23</v>
      </c>
    </row>
    <row r="14" spans="1:18" s="1" customFormat="1" ht="25.5" x14ac:dyDescent="0.2">
      <c r="A14" s="2" t="s">
        <v>18</v>
      </c>
      <c r="B14" s="4">
        <v>44584</v>
      </c>
      <c r="C14" s="2" t="s">
        <v>19</v>
      </c>
      <c r="D14" s="2">
        <v>7</v>
      </c>
      <c r="E14" s="2">
        <v>0</v>
      </c>
      <c r="F14" s="2"/>
      <c r="G14" s="2" t="s">
        <v>37</v>
      </c>
      <c r="H14" s="2">
        <v>0</v>
      </c>
      <c r="I14" s="2" t="s">
        <v>38</v>
      </c>
      <c r="J14" s="2" t="s">
        <v>39</v>
      </c>
      <c r="K14" s="2"/>
      <c r="L14" s="2"/>
      <c r="M14" s="2">
        <v>5</v>
      </c>
      <c r="N14" s="2"/>
      <c r="O14" s="2">
        <v>0</v>
      </c>
      <c r="P14" s="2">
        <v>59.820999999999998</v>
      </c>
      <c r="Q14" s="2"/>
      <c r="R14" s="2" t="s">
        <v>23</v>
      </c>
    </row>
    <row r="15" spans="1:18" s="1" customFormat="1" ht="25.5" x14ac:dyDescent="0.2">
      <c r="A15" s="2" t="s">
        <v>18</v>
      </c>
      <c r="B15" s="4">
        <v>44584</v>
      </c>
      <c r="C15" s="2" t="s">
        <v>19</v>
      </c>
      <c r="D15" s="2">
        <v>7</v>
      </c>
      <c r="E15" s="2">
        <v>0</v>
      </c>
      <c r="F15" s="2"/>
      <c r="G15" s="2" t="s">
        <v>24</v>
      </c>
      <c r="H15" s="2">
        <v>1031569</v>
      </c>
      <c r="I15" s="2" t="s">
        <v>25</v>
      </c>
      <c r="J15" s="2" t="s">
        <v>39</v>
      </c>
      <c r="K15" s="2"/>
      <c r="L15" s="2"/>
      <c r="M15" s="2">
        <v>6</v>
      </c>
      <c r="N15" s="2"/>
      <c r="O15" s="2">
        <v>0</v>
      </c>
      <c r="P15" s="2">
        <v>59.643000000000001</v>
      </c>
      <c r="Q15" s="2"/>
      <c r="R15" s="2" t="s">
        <v>23</v>
      </c>
    </row>
    <row r="16" spans="1:18" s="1" customFormat="1" ht="25.5" x14ac:dyDescent="0.2">
      <c r="A16" s="2" t="s">
        <v>18</v>
      </c>
      <c r="B16" s="4">
        <v>44584</v>
      </c>
      <c r="C16" s="2" t="s">
        <v>19</v>
      </c>
      <c r="D16" s="2">
        <v>7</v>
      </c>
      <c r="E16" s="2">
        <v>0</v>
      </c>
      <c r="F16" s="2">
        <v>1025831</v>
      </c>
      <c r="G16" s="2" t="s">
        <v>35</v>
      </c>
      <c r="H16" s="2">
        <v>1025831</v>
      </c>
      <c r="I16" s="2" t="s">
        <v>36</v>
      </c>
      <c r="J16" s="2" t="s">
        <v>39</v>
      </c>
      <c r="K16" s="2"/>
      <c r="L16" s="2"/>
      <c r="M16" s="2">
        <v>7</v>
      </c>
      <c r="N16" s="2"/>
      <c r="O16" s="2">
        <v>0</v>
      </c>
      <c r="P16" s="2">
        <v>58.570999999999998</v>
      </c>
      <c r="Q16" s="2"/>
      <c r="R16" s="2" t="s">
        <v>23</v>
      </c>
    </row>
    <row r="17" spans="1:18" s="1" customFormat="1" ht="25.5" x14ac:dyDescent="0.2">
      <c r="A17" s="2" t="s">
        <v>18</v>
      </c>
      <c r="B17" s="4">
        <v>44584</v>
      </c>
      <c r="C17" s="2" t="s">
        <v>19</v>
      </c>
      <c r="D17" s="2">
        <v>1</v>
      </c>
      <c r="E17" s="2">
        <v>0</v>
      </c>
      <c r="F17" s="2">
        <v>40016482</v>
      </c>
      <c r="G17" s="2" t="s">
        <v>40</v>
      </c>
      <c r="H17" s="2">
        <v>7002908</v>
      </c>
      <c r="I17" s="2" t="s">
        <v>41</v>
      </c>
      <c r="J17" s="2" t="s">
        <v>42</v>
      </c>
      <c r="K17" s="2" t="s">
        <v>43</v>
      </c>
      <c r="L17" s="2"/>
      <c r="M17" s="2">
        <v>1</v>
      </c>
      <c r="N17" s="2"/>
      <c r="O17" s="2">
        <v>0</v>
      </c>
      <c r="P17" s="2">
        <v>58.378</v>
      </c>
      <c r="Q17" s="2"/>
      <c r="R17" s="2" t="s">
        <v>23</v>
      </c>
    </row>
    <row r="18" spans="1:18" s="1" customFormat="1" ht="25.5" x14ac:dyDescent="0.2">
      <c r="A18" s="2" t="s">
        <v>18</v>
      </c>
      <c r="B18" s="4">
        <v>44584</v>
      </c>
      <c r="C18" s="2" t="s">
        <v>19</v>
      </c>
      <c r="D18" s="2">
        <v>1</v>
      </c>
      <c r="E18" s="2">
        <v>0</v>
      </c>
      <c r="F18" s="2">
        <v>40016482</v>
      </c>
      <c r="G18" s="2" t="s">
        <v>40</v>
      </c>
      <c r="H18" s="2">
        <v>7002908</v>
      </c>
      <c r="I18" s="2" t="s">
        <v>41</v>
      </c>
      <c r="J18" s="2" t="s">
        <v>44</v>
      </c>
      <c r="K18" s="2" t="s">
        <v>43</v>
      </c>
      <c r="L18" s="2"/>
      <c r="M18" s="2">
        <v>1</v>
      </c>
      <c r="N18" s="2"/>
      <c r="O18" s="2">
        <v>0</v>
      </c>
      <c r="P18" s="2">
        <v>57.948999999999998</v>
      </c>
      <c r="Q18" s="2"/>
      <c r="R18" s="2" t="s">
        <v>23</v>
      </c>
    </row>
    <row r="19" spans="1:18" s="1" customFormat="1" ht="25.5" x14ac:dyDescent="0.2">
      <c r="A19" s="2" t="s">
        <v>18</v>
      </c>
      <c r="B19" s="4">
        <v>44584</v>
      </c>
      <c r="C19" s="2" t="s">
        <v>19</v>
      </c>
      <c r="D19" s="2">
        <v>2</v>
      </c>
      <c r="E19" s="2">
        <v>0</v>
      </c>
      <c r="F19" s="2">
        <v>60007856</v>
      </c>
      <c r="G19" s="2" t="s">
        <v>45</v>
      </c>
      <c r="H19" s="2">
        <v>1018173</v>
      </c>
      <c r="I19" s="2" t="s">
        <v>46</v>
      </c>
      <c r="J19" s="2" t="s">
        <v>47</v>
      </c>
      <c r="K19" s="2" t="s">
        <v>48</v>
      </c>
      <c r="L19" s="2"/>
      <c r="M19" s="2">
        <v>1</v>
      </c>
      <c r="N19" s="2"/>
      <c r="O19" s="2">
        <v>0</v>
      </c>
      <c r="P19" s="2">
        <v>58.625</v>
      </c>
      <c r="Q19" s="2"/>
      <c r="R19" s="2" t="s">
        <v>23</v>
      </c>
    </row>
    <row r="20" spans="1:18" s="1" customFormat="1" ht="25.5" x14ac:dyDescent="0.2">
      <c r="A20" s="2" t="s">
        <v>18</v>
      </c>
      <c r="B20" s="4">
        <v>44584</v>
      </c>
      <c r="C20" s="2" t="s">
        <v>19</v>
      </c>
      <c r="D20" s="2">
        <v>2</v>
      </c>
      <c r="E20" s="2">
        <v>0</v>
      </c>
      <c r="F20" s="2">
        <v>60016875</v>
      </c>
      <c r="G20" s="2" t="s">
        <v>49</v>
      </c>
      <c r="H20" s="2">
        <v>7001099</v>
      </c>
      <c r="I20" s="2" t="s">
        <v>50</v>
      </c>
      <c r="J20" s="2" t="s">
        <v>47</v>
      </c>
      <c r="K20" s="2" t="s">
        <v>48</v>
      </c>
      <c r="L20" s="2"/>
      <c r="M20" s="2">
        <v>2</v>
      </c>
      <c r="N20" s="2"/>
      <c r="O20" s="2">
        <v>0</v>
      </c>
      <c r="P20" s="2">
        <v>55.875</v>
      </c>
      <c r="Q20" s="2"/>
      <c r="R20" s="2" t="s">
        <v>23</v>
      </c>
    </row>
    <row r="21" spans="1:18" s="1" customFormat="1" ht="25.5" x14ac:dyDescent="0.2">
      <c r="A21" s="2" t="s">
        <v>18</v>
      </c>
      <c r="B21" s="4">
        <v>44584</v>
      </c>
      <c r="C21" s="2" t="s">
        <v>19</v>
      </c>
      <c r="D21" s="2">
        <v>1</v>
      </c>
      <c r="E21" s="2">
        <v>0</v>
      </c>
      <c r="F21" s="2">
        <v>60007856</v>
      </c>
      <c r="G21" s="2" t="s">
        <v>45</v>
      </c>
      <c r="H21" s="2">
        <v>1018173</v>
      </c>
      <c r="I21" s="2" t="s">
        <v>46</v>
      </c>
      <c r="J21" s="2" t="s">
        <v>51</v>
      </c>
      <c r="K21" s="2" t="s">
        <v>48</v>
      </c>
      <c r="L21" s="2"/>
      <c r="M21" s="2">
        <v>1</v>
      </c>
      <c r="N21" s="2"/>
      <c r="O21" s="2">
        <v>0</v>
      </c>
      <c r="P21" s="2">
        <v>57.073</v>
      </c>
      <c r="Q21" s="2"/>
      <c r="R21" s="2" t="s">
        <v>23</v>
      </c>
    </row>
    <row r="22" spans="1:18" s="1" customFormat="1" ht="25.5" x14ac:dyDescent="0.2">
      <c r="A22" s="2" t="s">
        <v>18</v>
      </c>
      <c r="B22" s="4">
        <v>44584</v>
      </c>
      <c r="C22" s="2" t="s">
        <v>19</v>
      </c>
      <c r="D22" s="2">
        <v>1</v>
      </c>
      <c r="E22" s="2">
        <v>0</v>
      </c>
      <c r="F22" s="2">
        <v>60000083</v>
      </c>
      <c r="G22" s="2" t="s">
        <v>52</v>
      </c>
      <c r="H22" s="2">
        <v>7000160</v>
      </c>
      <c r="I22" s="2" t="s">
        <v>53</v>
      </c>
      <c r="J22" s="2" t="s">
        <v>54</v>
      </c>
      <c r="K22" s="2" t="s">
        <v>55</v>
      </c>
      <c r="L22" s="2"/>
      <c r="M22" s="2">
        <v>1</v>
      </c>
      <c r="N22" s="2"/>
      <c r="O22" s="2">
        <v>0</v>
      </c>
      <c r="P22" s="2">
        <v>58.456000000000003</v>
      </c>
      <c r="Q22" s="2"/>
      <c r="R22" s="2" t="s">
        <v>23</v>
      </c>
    </row>
    <row r="23" spans="1:18" s="1" customFormat="1" ht="25.5" x14ac:dyDescent="0.2">
      <c r="A23" s="2" t="s">
        <v>18</v>
      </c>
      <c r="B23" s="4">
        <v>44584</v>
      </c>
      <c r="C23" s="2" t="s">
        <v>19</v>
      </c>
      <c r="D23" s="2">
        <v>2</v>
      </c>
      <c r="E23" s="2">
        <v>0</v>
      </c>
      <c r="F23" s="2">
        <v>60015213</v>
      </c>
      <c r="G23" s="2" t="s">
        <v>56</v>
      </c>
      <c r="H23" s="2">
        <v>7002495</v>
      </c>
      <c r="I23" s="2" t="s">
        <v>57</v>
      </c>
      <c r="J23" s="2" t="s">
        <v>58</v>
      </c>
      <c r="K23" s="2" t="s">
        <v>59</v>
      </c>
      <c r="L23" s="2"/>
      <c r="M23" s="2">
        <v>1</v>
      </c>
      <c r="N23" s="2"/>
      <c r="O23" s="2">
        <v>0</v>
      </c>
      <c r="P23" s="2">
        <v>65.067999999999998</v>
      </c>
      <c r="Q23" s="2"/>
      <c r="R23" s="2" t="s">
        <v>23</v>
      </c>
    </row>
    <row r="24" spans="1:18" s="1" customFormat="1" ht="25.5" x14ac:dyDescent="0.2">
      <c r="A24" s="2" t="s">
        <v>18</v>
      </c>
      <c r="B24" s="4">
        <v>44584</v>
      </c>
      <c r="C24" s="2" t="s">
        <v>19</v>
      </c>
      <c r="D24" s="2">
        <v>2</v>
      </c>
      <c r="E24" s="2">
        <v>0</v>
      </c>
      <c r="F24" s="2">
        <v>20094703</v>
      </c>
      <c r="G24" s="2" t="s">
        <v>60</v>
      </c>
      <c r="H24" s="2">
        <v>1019676</v>
      </c>
      <c r="I24" s="2" t="s">
        <v>61</v>
      </c>
      <c r="J24" s="2" t="s">
        <v>58</v>
      </c>
      <c r="K24" s="2" t="s">
        <v>59</v>
      </c>
      <c r="L24" s="2"/>
      <c r="M24" s="2">
        <v>2</v>
      </c>
      <c r="N24" s="2"/>
      <c r="O24" s="2">
        <v>0</v>
      </c>
      <c r="P24" s="2">
        <v>56.350999999999999</v>
      </c>
      <c r="Q24" s="2"/>
      <c r="R24" s="2" t="s">
        <v>23</v>
      </c>
    </row>
    <row r="25" spans="1:18" s="1" customFormat="1" ht="25.5" x14ac:dyDescent="0.2">
      <c r="A25" s="2" t="s">
        <v>18</v>
      </c>
      <c r="B25" s="4">
        <v>44584</v>
      </c>
      <c r="C25" s="2" t="s">
        <v>19</v>
      </c>
      <c r="D25" s="2">
        <v>2</v>
      </c>
      <c r="E25" s="2">
        <v>0</v>
      </c>
      <c r="F25" s="2">
        <v>60015213</v>
      </c>
      <c r="G25" s="2" t="s">
        <v>56</v>
      </c>
      <c r="H25" s="2">
        <v>7002495</v>
      </c>
      <c r="I25" s="2" t="s">
        <v>57</v>
      </c>
      <c r="J25" s="2" t="s">
        <v>62</v>
      </c>
      <c r="K25" s="2" t="s">
        <v>59</v>
      </c>
      <c r="L25" s="2"/>
      <c r="M25" s="2">
        <v>1</v>
      </c>
      <c r="N25" s="2"/>
      <c r="O25" s="2">
        <v>0</v>
      </c>
      <c r="P25" s="2">
        <v>68.076999999999998</v>
      </c>
      <c r="Q25" s="2"/>
      <c r="R25" s="2" t="s">
        <v>23</v>
      </c>
    </row>
    <row r="26" spans="1:18" s="1" customFormat="1" ht="25.5" x14ac:dyDescent="0.2">
      <c r="A26" s="2" t="s">
        <v>18</v>
      </c>
      <c r="B26" s="4">
        <v>44584</v>
      </c>
      <c r="C26" s="2" t="s">
        <v>19</v>
      </c>
      <c r="D26" s="2">
        <v>2</v>
      </c>
      <c r="E26" s="2">
        <v>0</v>
      </c>
      <c r="F26" s="2">
        <v>20094703</v>
      </c>
      <c r="G26" s="2" t="s">
        <v>60</v>
      </c>
      <c r="H26" s="2">
        <v>1019676</v>
      </c>
      <c r="I26" s="2" t="s">
        <v>61</v>
      </c>
      <c r="J26" s="2" t="s">
        <v>62</v>
      </c>
      <c r="K26" s="2" t="s">
        <v>59</v>
      </c>
      <c r="L26" s="2"/>
      <c r="M26" s="2">
        <v>2</v>
      </c>
      <c r="N26" s="2"/>
      <c r="O26" s="2">
        <v>0</v>
      </c>
      <c r="P26" s="2">
        <v>58.654000000000003</v>
      </c>
      <c r="Q26" s="2"/>
      <c r="R26" s="2" t="s">
        <v>23</v>
      </c>
    </row>
    <row r="27" spans="1:18" s="1" customFormat="1" ht="25.5" x14ac:dyDescent="0.2">
      <c r="A27" s="2" t="s">
        <v>18</v>
      </c>
      <c r="B27" s="4">
        <v>44584</v>
      </c>
      <c r="C27" s="2" t="s">
        <v>19</v>
      </c>
      <c r="D27" s="2">
        <v>8</v>
      </c>
      <c r="E27" s="2">
        <v>0</v>
      </c>
      <c r="F27" s="2">
        <v>60015205</v>
      </c>
      <c r="G27" s="2" t="s">
        <v>63</v>
      </c>
      <c r="H27" s="2">
        <v>1011825</v>
      </c>
      <c r="I27" s="2" t="s">
        <v>64</v>
      </c>
      <c r="J27" s="2" t="s">
        <v>65</v>
      </c>
      <c r="K27" s="2" t="s">
        <v>66</v>
      </c>
      <c r="L27" s="2"/>
      <c r="M27" s="2">
        <v>1</v>
      </c>
      <c r="N27" s="2"/>
      <c r="O27" s="2">
        <v>0</v>
      </c>
      <c r="P27" s="2">
        <v>71.25</v>
      </c>
      <c r="Q27" s="2"/>
      <c r="R27" s="2" t="s">
        <v>23</v>
      </c>
    </row>
    <row r="28" spans="1:18" s="1" customFormat="1" ht="25.5" x14ac:dyDescent="0.2">
      <c r="A28" s="2" t="s">
        <v>18</v>
      </c>
      <c r="B28" s="4">
        <v>44584</v>
      </c>
      <c r="C28" s="2" t="s">
        <v>19</v>
      </c>
      <c r="D28" s="2">
        <v>8</v>
      </c>
      <c r="E28" s="2">
        <v>0</v>
      </c>
      <c r="F28" s="2">
        <v>60024182</v>
      </c>
      <c r="G28" s="2" t="s">
        <v>67</v>
      </c>
      <c r="H28" s="2">
        <v>7000720</v>
      </c>
      <c r="I28" s="2" t="s">
        <v>68</v>
      </c>
      <c r="J28" s="2" t="s">
        <v>65</v>
      </c>
      <c r="K28" s="2" t="s">
        <v>66</v>
      </c>
      <c r="L28" s="2"/>
      <c r="M28" s="2">
        <v>2</v>
      </c>
      <c r="N28" s="2"/>
      <c r="O28" s="2">
        <v>0</v>
      </c>
      <c r="P28" s="2">
        <v>67.793999999999997</v>
      </c>
      <c r="Q28" s="2"/>
      <c r="R28" s="2" t="s">
        <v>23</v>
      </c>
    </row>
    <row r="29" spans="1:18" s="1" customFormat="1" ht="25.5" x14ac:dyDescent="0.2">
      <c r="A29" s="2" t="s">
        <v>18</v>
      </c>
      <c r="B29" s="4">
        <v>44584</v>
      </c>
      <c r="C29" s="2" t="s">
        <v>19</v>
      </c>
      <c r="D29" s="2">
        <v>8</v>
      </c>
      <c r="E29" s="2">
        <v>0</v>
      </c>
      <c r="F29" s="2">
        <v>60026841</v>
      </c>
      <c r="G29" s="2" t="s">
        <v>69</v>
      </c>
      <c r="H29" s="2">
        <v>7002382</v>
      </c>
      <c r="I29" s="2" t="s">
        <v>70</v>
      </c>
      <c r="J29" s="2" t="s">
        <v>65</v>
      </c>
      <c r="K29" s="2" t="s">
        <v>66</v>
      </c>
      <c r="L29" s="2"/>
      <c r="M29" s="2">
        <v>3</v>
      </c>
      <c r="N29" s="2"/>
      <c r="O29" s="2">
        <v>0</v>
      </c>
      <c r="P29" s="2">
        <v>66.543999999999997</v>
      </c>
      <c r="Q29" s="2"/>
      <c r="R29" s="2" t="s">
        <v>23</v>
      </c>
    </row>
    <row r="30" spans="1:18" s="1" customFormat="1" ht="25.5" x14ac:dyDescent="0.2">
      <c r="A30" s="2" t="s">
        <v>18</v>
      </c>
      <c r="B30" s="4">
        <v>44584</v>
      </c>
      <c r="C30" s="2" t="s">
        <v>19</v>
      </c>
      <c r="D30" s="2">
        <v>8</v>
      </c>
      <c r="E30" s="2">
        <v>0</v>
      </c>
      <c r="F30" s="2">
        <v>71000303</v>
      </c>
      <c r="G30" s="2" t="s">
        <v>71</v>
      </c>
      <c r="H30" s="2">
        <v>7002811</v>
      </c>
      <c r="I30" s="2" t="s">
        <v>72</v>
      </c>
      <c r="J30" s="2" t="s">
        <v>65</v>
      </c>
      <c r="K30" s="2" t="s">
        <v>66</v>
      </c>
      <c r="L30" s="2"/>
      <c r="M30" s="2">
        <v>4</v>
      </c>
      <c r="N30" s="2"/>
      <c r="O30" s="2">
        <v>0</v>
      </c>
      <c r="P30" s="2">
        <v>63.75</v>
      </c>
      <c r="Q30" s="2"/>
      <c r="R30" s="2" t="s">
        <v>23</v>
      </c>
    </row>
    <row r="31" spans="1:18" s="1" customFormat="1" ht="25.5" x14ac:dyDescent="0.2">
      <c r="A31" s="2" t="s">
        <v>18</v>
      </c>
      <c r="B31" s="4">
        <v>44584</v>
      </c>
      <c r="C31" s="2" t="s">
        <v>19</v>
      </c>
      <c r="D31" s="2">
        <v>8</v>
      </c>
      <c r="E31" s="2">
        <v>0</v>
      </c>
      <c r="F31" s="2">
        <v>40018077</v>
      </c>
      <c r="G31" s="2" t="s">
        <v>73</v>
      </c>
      <c r="H31" s="2">
        <v>7100335</v>
      </c>
      <c r="I31" s="2" t="s">
        <v>74</v>
      </c>
      <c r="J31" s="2" t="s">
        <v>65</v>
      </c>
      <c r="K31" s="2" t="s">
        <v>66</v>
      </c>
      <c r="L31" s="2"/>
      <c r="M31" s="2">
        <v>5</v>
      </c>
      <c r="N31" s="2"/>
      <c r="O31" s="2">
        <v>0</v>
      </c>
      <c r="P31" s="2">
        <v>62.941000000000003</v>
      </c>
      <c r="Q31" s="2"/>
      <c r="R31" s="2" t="s">
        <v>23</v>
      </c>
    </row>
    <row r="32" spans="1:18" s="1" customFormat="1" ht="25.5" x14ac:dyDescent="0.2">
      <c r="A32" s="2" t="s">
        <v>18</v>
      </c>
      <c r="B32" s="4">
        <v>44584</v>
      </c>
      <c r="C32" s="2" t="s">
        <v>19</v>
      </c>
      <c r="D32" s="2">
        <v>8</v>
      </c>
      <c r="E32" s="2">
        <v>0</v>
      </c>
      <c r="F32" s="2">
        <v>71000335</v>
      </c>
      <c r="G32" s="2" t="s">
        <v>75</v>
      </c>
      <c r="H32" s="2">
        <v>1014433</v>
      </c>
      <c r="I32" s="2" t="s">
        <v>76</v>
      </c>
      <c r="J32" s="2" t="s">
        <v>65</v>
      </c>
      <c r="K32" s="2" t="s">
        <v>66</v>
      </c>
      <c r="L32" s="2"/>
      <c r="M32" s="2">
        <v>6</v>
      </c>
      <c r="N32" s="2"/>
      <c r="O32" s="2">
        <v>0</v>
      </c>
      <c r="P32" s="2">
        <v>58.75</v>
      </c>
      <c r="Q32" s="2"/>
      <c r="R32" s="2" t="s">
        <v>23</v>
      </c>
    </row>
    <row r="33" spans="1:18" s="1" customFormat="1" ht="25.5" x14ac:dyDescent="0.2">
      <c r="A33" s="2" t="s">
        <v>18</v>
      </c>
      <c r="B33" s="4">
        <v>44584</v>
      </c>
      <c r="C33" s="2" t="s">
        <v>19</v>
      </c>
      <c r="D33" s="2">
        <v>8</v>
      </c>
      <c r="E33" s="2">
        <v>0</v>
      </c>
      <c r="F33" s="2">
        <v>71000149</v>
      </c>
      <c r="G33" s="2" t="s">
        <v>77</v>
      </c>
      <c r="H33" s="2">
        <v>7100151</v>
      </c>
      <c r="I33" s="2" t="s">
        <v>78</v>
      </c>
      <c r="J33" s="2" t="s">
        <v>65</v>
      </c>
      <c r="K33" s="2" t="s">
        <v>66</v>
      </c>
      <c r="L33" s="2"/>
      <c r="M33" s="2">
        <v>7</v>
      </c>
      <c r="N33" s="2"/>
      <c r="O33" s="2">
        <v>0</v>
      </c>
      <c r="P33" s="2">
        <v>56.470999999999997</v>
      </c>
      <c r="Q33" s="2"/>
      <c r="R33" s="2" t="s">
        <v>23</v>
      </c>
    </row>
    <row r="34" spans="1:18" s="1" customFormat="1" ht="25.5" x14ac:dyDescent="0.2">
      <c r="A34" s="2" t="s">
        <v>18</v>
      </c>
      <c r="B34" s="4">
        <v>44584</v>
      </c>
      <c r="C34" s="2" t="s">
        <v>19</v>
      </c>
      <c r="D34" s="2">
        <v>8</v>
      </c>
      <c r="E34" s="2">
        <v>0</v>
      </c>
      <c r="F34" s="2">
        <v>60005105</v>
      </c>
      <c r="G34" s="2" t="s">
        <v>79</v>
      </c>
      <c r="H34" s="2">
        <v>2108096</v>
      </c>
      <c r="I34" s="2" t="s">
        <v>80</v>
      </c>
      <c r="J34" s="2" t="s">
        <v>65</v>
      </c>
      <c r="K34" s="2" t="s">
        <v>66</v>
      </c>
      <c r="L34" s="2"/>
      <c r="M34" s="2">
        <v>8</v>
      </c>
      <c r="N34" s="2"/>
      <c r="O34" s="2">
        <v>0</v>
      </c>
      <c r="P34" s="2">
        <v>55.808999999999997</v>
      </c>
      <c r="Q34" s="2"/>
      <c r="R34" s="2" t="s">
        <v>23</v>
      </c>
    </row>
    <row r="35" spans="1:18" s="1" customFormat="1" ht="25.5" x14ac:dyDescent="0.2">
      <c r="A35" s="2" t="s">
        <v>18</v>
      </c>
      <c r="B35" s="4">
        <v>44584</v>
      </c>
      <c r="C35" s="2" t="s">
        <v>19</v>
      </c>
      <c r="D35" s="2">
        <v>9</v>
      </c>
      <c r="E35" s="2">
        <v>0</v>
      </c>
      <c r="F35" s="2">
        <v>60015205</v>
      </c>
      <c r="G35" s="2" t="s">
        <v>63</v>
      </c>
      <c r="H35" s="2">
        <v>1011825</v>
      </c>
      <c r="I35" s="2" t="s">
        <v>64</v>
      </c>
      <c r="J35" s="2" t="s">
        <v>81</v>
      </c>
      <c r="K35" s="2" t="s">
        <v>66</v>
      </c>
      <c r="L35" s="2"/>
      <c r="M35" s="2">
        <v>1</v>
      </c>
      <c r="N35" s="2"/>
      <c r="O35" s="2">
        <v>0</v>
      </c>
      <c r="P35" s="2">
        <v>72.429000000000002</v>
      </c>
      <c r="Q35" s="2"/>
      <c r="R35" s="2" t="s">
        <v>23</v>
      </c>
    </row>
    <row r="36" spans="1:18" s="1" customFormat="1" ht="25.5" x14ac:dyDescent="0.2">
      <c r="A36" s="2" t="s">
        <v>18</v>
      </c>
      <c r="B36" s="4">
        <v>44584</v>
      </c>
      <c r="C36" s="2" t="s">
        <v>19</v>
      </c>
      <c r="D36" s="2">
        <v>9</v>
      </c>
      <c r="E36" s="2">
        <v>0</v>
      </c>
      <c r="F36" s="2">
        <v>60016875</v>
      </c>
      <c r="G36" s="2" t="s">
        <v>49</v>
      </c>
      <c r="H36" s="2">
        <v>7001099</v>
      </c>
      <c r="I36" s="2" t="s">
        <v>50</v>
      </c>
      <c r="J36" s="2" t="s">
        <v>81</v>
      </c>
      <c r="K36" s="2" t="s">
        <v>66</v>
      </c>
      <c r="L36" s="2"/>
      <c r="M36" s="2">
        <v>2</v>
      </c>
      <c r="N36" s="2"/>
      <c r="O36" s="2">
        <v>0</v>
      </c>
      <c r="P36" s="2">
        <v>67.929000000000002</v>
      </c>
      <c r="Q36" s="2"/>
      <c r="R36" s="2" t="s">
        <v>23</v>
      </c>
    </row>
    <row r="37" spans="1:18" s="1" customFormat="1" ht="25.5" x14ac:dyDescent="0.2">
      <c r="A37" s="2" t="s">
        <v>18</v>
      </c>
      <c r="B37" s="4">
        <v>44584</v>
      </c>
      <c r="C37" s="2" t="s">
        <v>19</v>
      </c>
      <c r="D37" s="2">
        <v>9</v>
      </c>
      <c r="E37" s="2">
        <v>0</v>
      </c>
      <c r="F37" s="2">
        <v>60026841</v>
      </c>
      <c r="G37" s="2" t="s">
        <v>69</v>
      </c>
      <c r="H37" s="2">
        <v>7002382</v>
      </c>
      <c r="I37" s="2" t="s">
        <v>70</v>
      </c>
      <c r="J37" s="2" t="s">
        <v>81</v>
      </c>
      <c r="K37" s="2" t="s">
        <v>66</v>
      </c>
      <c r="L37" s="2"/>
      <c r="M37" s="2">
        <v>3</v>
      </c>
      <c r="N37" s="2"/>
      <c r="O37" s="2">
        <v>0</v>
      </c>
      <c r="P37" s="2">
        <v>64.356999999999999</v>
      </c>
      <c r="Q37" s="2"/>
      <c r="R37" s="2" t="s">
        <v>23</v>
      </c>
    </row>
    <row r="38" spans="1:18" s="1" customFormat="1" ht="25.5" x14ac:dyDescent="0.2">
      <c r="A38" s="2" t="s">
        <v>18</v>
      </c>
      <c r="B38" s="4">
        <v>44584</v>
      </c>
      <c r="C38" s="2" t="s">
        <v>19</v>
      </c>
      <c r="D38" s="2">
        <v>9</v>
      </c>
      <c r="E38" s="2">
        <v>0</v>
      </c>
      <c r="F38" s="2">
        <v>60024182</v>
      </c>
      <c r="G38" s="2" t="s">
        <v>67</v>
      </c>
      <c r="H38" s="2">
        <v>7000720</v>
      </c>
      <c r="I38" s="2" t="s">
        <v>68</v>
      </c>
      <c r="J38" s="2" t="s">
        <v>81</v>
      </c>
      <c r="K38" s="2" t="s">
        <v>66</v>
      </c>
      <c r="L38" s="2"/>
      <c r="M38" s="2">
        <v>4</v>
      </c>
      <c r="N38" s="2"/>
      <c r="O38" s="2">
        <v>0</v>
      </c>
      <c r="P38" s="2">
        <v>63.570999999999998</v>
      </c>
      <c r="Q38" s="2"/>
      <c r="R38" s="2" t="s">
        <v>23</v>
      </c>
    </row>
    <row r="39" spans="1:18" s="1" customFormat="1" ht="25.5" x14ac:dyDescent="0.2">
      <c r="A39" s="2" t="s">
        <v>18</v>
      </c>
      <c r="B39" s="4">
        <v>44584</v>
      </c>
      <c r="C39" s="2" t="s">
        <v>19</v>
      </c>
      <c r="D39" s="2">
        <v>9</v>
      </c>
      <c r="E39" s="2">
        <v>0</v>
      </c>
      <c r="F39" s="2">
        <v>71000303</v>
      </c>
      <c r="G39" s="2" t="s">
        <v>71</v>
      </c>
      <c r="H39" s="2">
        <v>7002811</v>
      </c>
      <c r="I39" s="2" t="s">
        <v>72</v>
      </c>
      <c r="J39" s="2" t="s">
        <v>81</v>
      </c>
      <c r="K39" s="2" t="s">
        <v>66</v>
      </c>
      <c r="L39" s="2"/>
      <c r="M39" s="2">
        <v>5</v>
      </c>
      <c r="N39" s="2"/>
      <c r="O39" s="2">
        <v>0</v>
      </c>
      <c r="P39" s="2">
        <v>63.429000000000002</v>
      </c>
      <c r="Q39" s="2"/>
      <c r="R39" s="2" t="s">
        <v>23</v>
      </c>
    </row>
    <row r="40" spans="1:18" s="1" customFormat="1" ht="25.5" x14ac:dyDescent="0.2">
      <c r="A40" s="2" t="s">
        <v>18</v>
      </c>
      <c r="B40" s="4">
        <v>44584</v>
      </c>
      <c r="C40" s="2" t="s">
        <v>19</v>
      </c>
      <c r="D40" s="2">
        <v>9</v>
      </c>
      <c r="E40" s="2">
        <v>0</v>
      </c>
      <c r="F40" s="2">
        <v>40018077</v>
      </c>
      <c r="G40" s="2" t="s">
        <v>73</v>
      </c>
      <c r="H40" s="2">
        <v>7100335</v>
      </c>
      <c r="I40" s="2" t="s">
        <v>74</v>
      </c>
      <c r="J40" s="2" t="s">
        <v>81</v>
      </c>
      <c r="K40" s="2" t="s">
        <v>66</v>
      </c>
      <c r="L40" s="2"/>
      <c r="M40" s="2">
        <v>6</v>
      </c>
      <c r="N40" s="2"/>
      <c r="O40" s="2">
        <v>0</v>
      </c>
      <c r="P40" s="2">
        <v>61.786000000000001</v>
      </c>
      <c r="Q40" s="2"/>
      <c r="R40" s="2" t="s">
        <v>23</v>
      </c>
    </row>
    <row r="41" spans="1:18" s="1" customFormat="1" ht="25.5" x14ac:dyDescent="0.2">
      <c r="A41" s="2" t="s">
        <v>18</v>
      </c>
      <c r="B41" s="4">
        <v>44584</v>
      </c>
      <c r="C41" s="2" t="s">
        <v>19</v>
      </c>
      <c r="D41" s="2">
        <v>9</v>
      </c>
      <c r="E41" s="2">
        <v>0</v>
      </c>
      <c r="F41" s="2">
        <v>71000335</v>
      </c>
      <c r="G41" s="2" t="s">
        <v>75</v>
      </c>
      <c r="H41" s="2">
        <v>1014433</v>
      </c>
      <c r="I41" s="2" t="s">
        <v>76</v>
      </c>
      <c r="J41" s="2" t="s">
        <v>81</v>
      </c>
      <c r="K41" s="2" t="s">
        <v>66</v>
      </c>
      <c r="L41" s="2"/>
      <c r="M41" s="2">
        <v>7</v>
      </c>
      <c r="N41" s="2"/>
      <c r="O41" s="2">
        <v>0</v>
      </c>
      <c r="P41" s="2">
        <v>61.643000000000001</v>
      </c>
      <c r="Q41" s="2"/>
      <c r="R41" s="2" t="s">
        <v>23</v>
      </c>
    </row>
    <row r="42" spans="1:18" s="1" customFormat="1" ht="25.5" x14ac:dyDescent="0.2">
      <c r="A42" s="2" t="s">
        <v>18</v>
      </c>
      <c r="B42" s="4">
        <v>44584</v>
      </c>
      <c r="C42" s="2" t="s">
        <v>19</v>
      </c>
      <c r="D42" s="2">
        <v>9</v>
      </c>
      <c r="E42" s="2">
        <v>0</v>
      </c>
      <c r="F42" s="2">
        <v>60005105</v>
      </c>
      <c r="G42" s="2" t="s">
        <v>79</v>
      </c>
      <c r="H42" s="2">
        <v>2108096</v>
      </c>
      <c r="I42" s="2" t="s">
        <v>80</v>
      </c>
      <c r="J42" s="2" t="s">
        <v>81</v>
      </c>
      <c r="K42" s="2" t="s">
        <v>66</v>
      </c>
      <c r="L42" s="2"/>
      <c r="M42" s="2">
        <v>8</v>
      </c>
      <c r="N42" s="2"/>
      <c r="O42" s="2">
        <v>0</v>
      </c>
      <c r="P42" s="2">
        <v>60</v>
      </c>
      <c r="Q42" s="2"/>
      <c r="R42" s="2" t="s">
        <v>23</v>
      </c>
    </row>
    <row r="43" spans="1:18" s="1" customFormat="1" ht="25.5" x14ac:dyDescent="0.2">
      <c r="A43" s="2" t="s">
        <v>18</v>
      </c>
      <c r="B43" s="4">
        <v>44584</v>
      </c>
      <c r="C43" s="2" t="s">
        <v>19</v>
      </c>
      <c r="D43" s="2">
        <v>9</v>
      </c>
      <c r="E43" s="2">
        <v>0</v>
      </c>
      <c r="F43" s="2">
        <v>71000149</v>
      </c>
      <c r="G43" s="2" t="s">
        <v>77</v>
      </c>
      <c r="H43" s="2">
        <v>7100151</v>
      </c>
      <c r="I43" s="2" t="s">
        <v>78</v>
      </c>
      <c r="J43" s="2" t="s">
        <v>81</v>
      </c>
      <c r="K43" s="2" t="s">
        <v>66</v>
      </c>
      <c r="L43" s="2"/>
      <c r="M43" s="2">
        <v>9</v>
      </c>
      <c r="N43" s="2"/>
      <c r="O43" s="2">
        <v>0</v>
      </c>
      <c r="P43" s="2">
        <v>59.856999999999999</v>
      </c>
      <c r="Q43" s="2"/>
      <c r="R43" s="2" t="s">
        <v>23</v>
      </c>
    </row>
    <row r="44" spans="1:18" s="1" customFormat="1" ht="25.5" x14ac:dyDescent="0.2">
      <c r="A44" s="2" t="s">
        <v>18</v>
      </c>
      <c r="B44" s="4">
        <v>44584</v>
      </c>
      <c r="C44" s="2" t="s">
        <v>19</v>
      </c>
      <c r="D44" s="2">
        <v>1</v>
      </c>
      <c r="E44" s="2">
        <v>0</v>
      </c>
      <c r="F44" s="2">
        <v>60007086</v>
      </c>
      <c r="G44" s="2" t="s">
        <v>82</v>
      </c>
      <c r="H44" s="2">
        <v>1021684</v>
      </c>
      <c r="I44" s="2" t="s">
        <v>83</v>
      </c>
      <c r="J44" s="2" t="s">
        <v>84</v>
      </c>
      <c r="K44" s="2" t="s">
        <v>48</v>
      </c>
      <c r="L44" s="2"/>
      <c r="M44" s="2">
        <v>1</v>
      </c>
      <c r="N44" s="2"/>
      <c r="O44" s="2">
        <v>0</v>
      </c>
      <c r="P44" s="2">
        <v>60.063000000000002</v>
      </c>
      <c r="Q44" s="2"/>
      <c r="R44" s="2" t="s">
        <v>23</v>
      </c>
    </row>
    <row r="45" spans="1:18" s="1" customFormat="1" ht="25.5" x14ac:dyDescent="0.2">
      <c r="A45" s="2" t="s">
        <v>18</v>
      </c>
      <c r="B45" s="4">
        <v>44584</v>
      </c>
      <c r="C45" s="2" t="s">
        <v>19</v>
      </c>
      <c r="D45" s="2">
        <v>1</v>
      </c>
      <c r="E45" s="2">
        <v>0</v>
      </c>
      <c r="F45" s="2">
        <v>60007086</v>
      </c>
      <c r="G45" s="2" t="s">
        <v>82</v>
      </c>
      <c r="H45" s="2">
        <v>1021684</v>
      </c>
      <c r="I45" s="2" t="s">
        <v>83</v>
      </c>
      <c r="J45" s="2" t="s">
        <v>85</v>
      </c>
      <c r="K45" s="2" t="s">
        <v>48</v>
      </c>
      <c r="L45" s="2"/>
      <c r="M45" s="2">
        <v>1</v>
      </c>
      <c r="N45" s="2"/>
      <c r="O45" s="2">
        <v>0</v>
      </c>
      <c r="P45" s="2">
        <v>60.488</v>
      </c>
      <c r="Q45" s="2"/>
      <c r="R45" s="2" t="s">
        <v>23</v>
      </c>
    </row>
    <row r="46" spans="1:18" s="1" customFormat="1" ht="25.5" x14ac:dyDescent="0.2">
      <c r="A46" s="2" t="s">
        <v>18</v>
      </c>
      <c r="B46" s="4">
        <v>44584</v>
      </c>
      <c r="C46" s="2" t="s">
        <v>19</v>
      </c>
      <c r="D46" s="2">
        <v>1</v>
      </c>
      <c r="E46" s="2">
        <v>0</v>
      </c>
      <c r="F46" s="2">
        <v>60024942</v>
      </c>
      <c r="G46" s="2" t="s">
        <v>86</v>
      </c>
      <c r="H46" s="2">
        <v>1036188</v>
      </c>
      <c r="I46" s="2" t="s">
        <v>87</v>
      </c>
      <c r="J46" s="2" t="s">
        <v>88</v>
      </c>
      <c r="K46" s="2" t="s">
        <v>66</v>
      </c>
      <c r="L46" s="2"/>
      <c r="M46" s="2">
        <v>1</v>
      </c>
      <c r="N46" s="2"/>
      <c r="O46" s="2">
        <v>0</v>
      </c>
      <c r="P46" s="2">
        <v>60.661999999999999</v>
      </c>
      <c r="Q46" s="2"/>
      <c r="R46" s="2" t="s">
        <v>23</v>
      </c>
    </row>
    <row r="47" spans="1:18" s="1" customFormat="1" ht="25.5" x14ac:dyDescent="0.2">
      <c r="A47" s="2" t="s">
        <v>18</v>
      </c>
      <c r="B47" s="4">
        <v>44584</v>
      </c>
      <c r="C47" s="2" t="s">
        <v>19</v>
      </c>
      <c r="D47" s="2">
        <v>5</v>
      </c>
      <c r="E47" s="2">
        <v>0</v>
      </c>
      <c r="F47" s="2">
        <v>60026969</v>
      </c>
      <c r="G47" s="2" t="s">
        <v>89</v>
      </c>
      <c r="H47" s="2">
        <v>7100205</v>
      </c>
      <c r="I47" s="2" t="s">
        <v>90</v>
      </c>
      <c r="J47" s="2" t="s">
        <v>91</v>
      </c>
      <c r="K47" s="2" t="s">
        <v>92</v>
      </c>
      <c r="L47" s="2"/>
      <c r="M47" s="2">
        <v>1</v>
      </c>
      <c r="N47" s="2"/>
      <c r="O47" s="2">
        <v>0</v>
      </c>
      <c r="P47" s="2">
        <v>72.054000000000002</v>
      </c>
      <c r="Q47" s="2"/>
      <c r="R47" s="2" t="s">
        <v>23</v>
      </c>
    </row>
    <row r="48" spans="1:18" s="1" customFormat="1" ht="25.5" x14ac:dyDescent="0.2">
      <c r="A48" s="2" t="s">
        <v>18</v>
      </c>
      <c r="B48" s="4">
        <v>44584</v>
      </c>
      <c r="C48" s="2" t="s">
        <v>19</v>
      </c>
      <c r="D48" s="2">
        <v>5</v>
      </c>
      <c r="E48" s="2">
        <v>0</v>
      </c>
      <c r="F48" s="2">
        <v>60024160</v>
      </c>
      <c r="G48" s="2" t="s">
        <v>93</v>
      </c>
      <c r="H48" s="2">
        <v>1023337</v>
      </c>
      <c r="I48" s="2" t="s">
        <v>94</v>
      </c>
      <c r="J48" s="2" t="s">
        <v>91</v>
      </c>
      <c r="K48" s="2" t="s">
        <v>92</v>
      </c>
      <c r="L48" s="2"/>
      <c r="M48" s="2">
        <v>2</v>
      </c>
      <c r="N48" s="2"/>
      <c r="O48" s="2">
        <v>0</v>
      </c>
      <c r="P48" s="2">
        <v>68.838999999999999</v>
      </c>
      <c r="Q48" s="2"/>
      <c r="R48" s="2" t="s">
        <v>23</v>
      </c>
    </row>
    <row r="49" spans="1:18" s="1" customFormat="1" ht="25.5" x14ac:dyDescent="0.2">
      <c r="A49" s="2" t="s">
        <v>18</v>
      </c>
      <c r="B49" s="4">
        <v>44584</v>
      </c>
      <c r="C49" s="2" t="s">
        <v>19</v>
      </c>
      <c r="D49" s="2">
        <v>5</v>
      </c>
      <c r="E49" s="2">
        <v>0</v>
      </c>
      <c r="F49" s="2">
        <v>60001151</v>
      </c>
      <c r="G49" s="2" t="s">
        <v>95</v>
      </c>
      <c r="H49" s="2">
        <v>7002805</v>
      </c>
      <c r="I49" s="2" t="s">
        <v>96</v>
      </c>
      <c r="J49" s="2" t="s">
        <v>91</v>
      </c>
      <c r="K49" s="2" t="s">
        <v>92</v>
      </c>
      <c r="L49" s="2"/>
      <c r="M49" s="2">
        <v>3</v>
      </c>
      <c r="N49" s="2"/>
      <c r="O49" s="2">
        <v>0</v>
      </c>
      <c r="P49" s="2">
        <v>63.036000000000001</v>
      </c>
      <c r="Q49" s="2"/>
      <c r="R49" s="2" t="s">
        <v>23</v>
      </c>
    </row>
    <row r="50" spans="1:18" s="1" customFormat="1" ht="25.5" x14ac:dyDescent="0.2">
      <c r="A50" s="2" t="s">
        <v>18</v>
      </c>
      <c r="B50" s="4">
        <v>44584</v>
      </c>
      <c r="C50" s="2" t="s">
        <v>19</v>
      </c>
      <c r="D50" s="2">
        <v>5</v>
      </c>
      <c r="E50" s="2">
        <v>0</v>
      </c>
      <c r="F50" s="2">
        <v>60010296</v>
      </c>
      <c r="G50" s="2" t="s">
        <v>97</v>
      </c>
      <c r="H50" s="2">
        <v>1035505</v>
      </c>
      <c r="I50" s="2" t="s">
        <v>98</v>
      </c>
      <c r="J50" s="2" t="s">
        <v>91</v>
      </c>
      <c r="K50" s="2" t="s">
        <v>92</v>
      </c>
      <c r="L50" s="2"/>
      <c r="M50" s="2">
        <v>4</v>
      </c>
      <c r="N50" s="2"/>
      <c r="O50" s="2">
        <v>0</v>
      </c>
      <c r="P50" s="2">
        <v>60.713999999999999</v>
      </c>
      <c r="Q50" s="2"/>
      <c r="R50" s="2" t="s">
        <v>23</v>
      </c>
    </row>
    <row r="51" spans="1:18" s="1" customFormat="1" ht="25.5" x14ac:dyDescent="0.2">
      <c r="A51" s="2" t="s">
        <v>18</v>
      </c>
      <c r="B51" s="4">
        <v>44584</v>
      </c>
      <c r="C51" s="2" t="s">
        <v>19</v>
      </c>
      <c r="D51" s="2">
        <v>5</v>
      </c>
      <c r="E51" s="2">
        <v>0</v>
      </c>
      <c r="F51" s="2">
        <v>60027698</v>
      </c>
      <c r="G51" s="2" t="s">
        <v>99</v>
      </c>
      <c r="H51" s="2">
        <v>1035202</v>
      </c>
      <c r="I51" s="2" t="s">
        <v>100</v>
      </c>
      <c r="J51" s="2" t="s">
        <v>91</v>
      </c>
      <c r="K51" s="2" t="s">
        <v>92</v>
      </c>
      <c r="L51" s="2"/>
      <c r="M51" s="2">
        <v>5</v>
      </c>
      <c r="N51" s="2"/>
      <c r="O51" s="2">
        <v>0</v>
      </c>
      <c r="P51" s="2">
        <v>54.195999999999998</v>
      </c>
      <c r="Q51" s="2"/>
      <c r="R51" s="2" t="s">
        <v>23</v>
      </c>
    </row>
    <row r="52" spans="1:18" s="1" customFormat="1" ht="25.5" x14ac:dyDescent="0.2">
      <c r="A52" s="2" t="s">
        <v>18</v>
      </c>
      <c r="B52" s="4">
        <v>44584</v>
      </c>
      <c r="C52" s="2" t="s">
        <v>19</v>
      </c>
      <c r="D52" s="2">
        <v>5</v>
      </c>
      <c r="E52" s="2">
        <v>0</v>
      </c>
      <c r="F52" s="2">
        <v>60026969</v>
      </c>
      <c r="G52" s="2" t="s">
        <v>89</v>
      </c>
      <c r="H52" s="2">
        <v>7100205</v>
      </c>
      <c r="I52" s="2" t="s">
        <v>90</v>
      </c>
      <c r="J52" s="2" t="s">
        <v>101</v>
      </c>
      <c r="K52" s="2" t="s">
        <v>92</v>
      </c>
      <c r="L52" s="2"/>
      <c r="M52" s="2">
        <v>1</v>
      </c>
      <c r="N52" s="2"/>
      <c r="O52" s="2">
        <v>0</v>
      </c>
      <c r="P52" s="2">
        <v>72.768000000000001</v>
      </c>
      <c r="Q52" s="2"/>
      <c r="R52" s="2" t="s">
        <v>23</v>
      </c>
    </row>
    <row r="53" spans="1:18" s="1" customFormat="1" ht="25.5" x14ac:dyDescent="0.2">
      <c r="A53" s="2" t="s">
        <v>18</v>
      </c>
      <c r="B53" s="4">
        <v>44584</v>
      </c>
      <c r="C53" s="2" t="s">
        <v>19</v>
      </c>
      <c r="D53" s="2">
        <v>5</v>
      </c>
      <c r="E53" s="2">
        <v>0</v>
      </c>
      <c r="F53" s="2">
        <v>60024160</v>
      </c>
      <c r="G53" s="2" t="s">
        <v>93</v>
      </c>
      <c r="H53" s="2">
        <v>1023337</v>
      </c>
      <c r="I53" s="2" t="s">
        <v>94</v>
      </c>
      <c r="J53" s="2" t="s">
        <v>101</v>
      </c>
      <c r="K53" s="2" t="s">
        <v>92</v>
      </c>
      <c r="L53" s="2"/>
      <c r="M53" s="2">
        <v>2</v>
      </c>
      <c r="N53" s="2"/>
      <c r="O53" s="2">
        <v>0</v>
      </c>
      <c r="P53" s="2">
        <v>70.179000000000002</v>
      </c>
      <c r="Q53" s="2"/>
      <c r="R53" s="2" t="s">
        <v>23</v>
      </c>
    </row>
    <row r="54" spans="1:18" s="1" customFormat="1" ht="25.5" x14ac:dyDescent="0.2">
      <c r="A54" s="2" t="s">
        <v>18</v>
      </c>
      <c r="B54" s="4">
        <v>44584</v>
      </c>
      <c r="C54" s="2" t="s">
        <v>19</v>
      </c>
      <c r="D54" s="2">
        <v>5</v>
      </c>
      <c r="E54" s="2">
        <v>0</v>
      </c>
      <c r="F54" s="2">
        <v>60010296</v>
      </c>
      <c r="G54" s="2" t="s">
        <v>97</v>
      </c>
      <c r="H54" s="2">
        <v>1035505</v>
      </c>
      <c r="I54" s="2" t="s">
        <v>98</v>
      </c>
      <c r="J54" s="2" t="s">
        <v>101</v>
      </c>
      <c r="K54" s="2" t="s">
        <v>92</v>
      </c>
      <c r="L54" s="2"/>
      <c r="M54" s="2">
        <v>3</v>
      </c>
      <c r="N54" s="2"/>
      <c r="O54" s="2">
        <v>0</v>
      </c>
      <c r="P54" s="2">
        <v>61.875</v>
      </c>
      <c r="Q54" s="2"/>
      <c r="R54" s="2" t="s">
        <v>23</v>
      </c>
    </row>
    <row r="55" spans="1:18" s="1" customFormat="1" ht="25.5" x14ac:dyDescent="0.2">
      <c r="A55" s="2" t="s">
        <v>18</v>
      </c>
      <c r="B55" s="4">
        <v>44584</v>
      </c>
      <c r="C55" s="2" t="s">
        <v>19</v>
      </c>
      <c r="D55" s="2">
        <v>5</v>
      </c>
      <c r="E55" s="2">
        <v>0</v>
      </c>
      <c r="F55" s="2">
        <v>60001151</v>
      </c>
      <c r="G55" s="2" t="s">
        <v>95</v>
      </c>
      <c r="H55" s="2">
        <v>7002805</v>
      </c>
      <c r="I55" s="2" t="s">
        <v>96</v>
      </c>
      <c r="J55" s="2" t="s">
        <v>101</v>
      </c>
      <c r="K55" s="2" t="s">
        <v>92</v>
      </c>
      <c r="L55" s="2"/>
      <c r="M55" s="2">
        <v>4</v>
      </c>
      <c r="N55" s="2"/>
      <c r="O55" s="2">
        <v>0</v>
      </c>
      <c r="P55" s="2">
        <v>59.286000000000001</v>
      </c>
      <c r="Q55" s="2"/>
      <c r="R55" s="2" t="s">
        <v>23</v>
      </c>
    </row>
    <row r="56" spans="1:18" s="1" customFormat="1" ht="25.5" x14ac:dyDescent="0.2">
      <c r="A56" s="2" t="s">
        <v>18</v>
      </c>
      <c r="B56" s="4">
        <v>44584</v>
      </c>
      <c r="C56" s="2" t="s">
        <v>19</v>
      </c>
      <c r="D56" s="2">
        <v>5</v>
      </c>
      <c r="E56" s="2">
        <v>0</v>
      </c>
      <c r="F56" s="2">
        <v>60027698</v>
      </c>
      <c r="G56" s="2" t="s">
        <v>99</v>
      </c>
      <c r="H56" s="2">
        <v>1035202</v>
      </c>
      <c r="I56" s="2" t="s">
        <v>100</v>
      </c>
      <c r="J56" s="2" t="s">
        <v>101</v>
      </c>
      <c r="K56" s="2" t="s">
        <v>92</v>
      </c>
      <c r="L56" s="2"/>
      <c r="M56" s="2">
        <v>5</v>
      </c>
      <c r="N56" s="2"/>
      <c r="O56" s="2">
        <v>0</v>
      </c>
      <c r="P56" s="2">
        <v>53.481999999999999</v>
      </c>
      <c r="Q56" s="2"/>
      <c r="R56" s="2" t="s">
        <v>23</v>
      </c>
    </row>
    <row r="57" spans="1:18" s="1" customFormat="1" ht="25.5" x14ac:dyDescent="0.2">
      <c r="A57" s="2" t="s">
        <v>18</v>
      </c>
      <c r="B57" s="4">
        <v>44584</v>
      </c>
      <c r="C57" s="2" t="s">
        <v>19</v>
      </c>
      <c r="D57" s="2">
        <v>3</v>
      </c>
      <c r="E57" s="2">
        <v>0</v>
      </c>
      <c r="F57" s="2"/>
      <c r="G57" s="2" t="s">
        <v>102</v>
      </c>
      <c r="H57" s="2">
        <v>1040944</v>
      </c>
      <c r="I57" s="2" t="s">
        <v>103</v>
      </c>
      <c r="J57" s="2" t="s">
        <v>104</v>
      </c>
      <c r="K57" s="2"/>
      <c r="L57" s="2"/>
      <c r="M57" s="2">
        <v>1</v>
      </c>
      <c r="N57" s="2"/>
      <c r="O57" s="2">
        <v>0</v>
      </c>
      <c r="P57" s="2">
        <v>65.789000000000001</v>
      </c>
      <c r="Q57" s="2"/>
      <c r="R57" s="2" t="s">
        <v>23</v>
      </c>
    </row>
    <row r="58" spans="1:18" s="1" customFormat="1" ht="25.5" x14ac:dyDescent="0.2">
      <c r="A58" s="2" t="s">
        <v>18</v>
      </c>
      <c r="B58" s="4">
        <v>44584</v>
      </c>
      <c r="C58" s="2" t="s">
        <v>19</v>
      </c>
      <c r="D58" s="2">
        <v>3</v>
      </c>
      <c r="E58" s="2">
        <v>0</v>
      </c>
      <c r="F58" s="2"/>
      <c r="G58" s="2" t="s">
        <v>105</v>
      </c>
      <c r="H58" s="2">
        <v>0</v>
      </c>
      <c r="I58" s="2" t="s">
        <v>106</v>
      </c>
      <c r="J58" s="2" t="s">
        <v>104</v>
      </c>
      <c r="K58" s="2"/>
      <c r="L58" s="2"/>
      <c r="M58" s="2">
        <v>2</v>
      </c>
      <c r="N58" s="2"/>
      <c r="O58" s="2">
        <v>0</v>
      </c>
      <c r="P58" s="2">
        <v>60.789000000000001</v>
      </c>
      <c r="Q58" s="2"/>
      <c r="R58" s="2" t="s">
        <v>23</v>
      </c>
    </row>
    <row r="59" spans="1:18" s="1" customFormat="1" ht="25.5" x14ac:dyDescent="0.2">
      <c r="A59" s="2" t="s">
        <v>18</v>
      </c>
      <c r="B59" s="4">
        <v>44584</v>
      </c>
      <c r="C59" s="2" t="s">
        <v>19</v>
      </c>
      <c r="D59" s="2">
        <v>3</v>
      </c>
      <c r="E59" s="2">
        <v>0</v>
      </c>
      <c r="F59" s="2"/>
      <c r="G59" s="2" t="s">
        <v>107</v>
      </c>
      <c r="H59" s="2" t="s">
        <v>108</v>
      </c>
      <c r="I59" s="2" t="s">
        <v>109</v>
      </c>
      <c r="J59" s="2" t="s">
        <v>104</v>
      </c>
      <c r="K59" s="2"/>
      <c r="L59" s="2"/>
      <c r="M59" s="2">
        <v>3</v>
      </c>
      <c r="N59" s="2"/>
      <c r="O59" s="2">
        <v>0</v>
      </c>
      <c r="P59" s="2">
        <v>57.368000000000002</v>
      </c>
      <c r="Q59" s="2"/>
      <c r="R59" s="2" t="s">
        <v>23</v>
      </c>
    </row>
    <row r="60" spans="1:18" s="1" customFormat="1" ht="25.5" x14ac:dyDescent="0.2">
      <c r="A60" s="2" t="s">
        <v>18</v>
      </c>
      <c r="B60" s="4">
        <v>44584</v>
      </c>
      <c r="C60" s="2" t="s">
        <v>19</v>
      </c>
      <c r="D60" s="2">
        <v>3</v>
      </c>
      <c r="E60" s="2">
        <v>0</v>
      </c>
      <c r="F60" s="2"/>
      <c r="G60" s="2" t="s">
        <v>102</v>
      </c>
      <c r="H60" s="2">
        <v>1040944</v>
      </c>
      <c r="I60" s="2" t="s">
        <v>103</v>
      </c>
      <c r="J60" s="2" t="s">
        <v>110</v>
      </c>
      <c r="K60" s="2"/>
      <c r="L60" s="2"/>
      <c r="M60" s="2">
        <v>1</v>
      </c>
      <c r="N60" s="2"/>
      <c r="O60" s="2">
        <v>0</v>
      </c>
      <c r="P60" s="2">
        <v>65.25</v>
      </c>
      <c r="Q60" s="2"/>
      <c r="R60" s="2" t="s">
        <v>23</v>
      </c>
    </row>
    <row r="61" spans="1:18" s="1" customFormat="1" ht="25.5" x14ac:dyDescent="0.2">
      <c r="A61" s="2" t="s">
        <v>18</v>
      </c>
      <c r="B61" s="4">
        <v>44584</v>
      </c>
      <c r="C61" s="2" t="s">
        <v>19</v>
      </c>
      <c r="D61" s="2">
        <v>3</v>
      </c>
      <c r="E61" s="2">
        <v>0</v>
      </c>
      <c r="F61" s="2"/>
      <c r="G61" s="2" t="s">
        <v>105</v>
      </c>
      <c r="H61" s="2">
        <v>0</v>
      </c>
      <c r="I61" s="2" t="s">
        <v>106</v>
      </c>
      <c r="J61" s="2" t="s">
        <v>110</v>
      </c>
      <c r="K61" s="2"/>
      <c r="L61" s="2"/>
      <c r="M61" s="2">
        <v>2</v>
      </c>
      <c r="N61" s="2"/>
      <c r="O61" s="2">
        <v>0</v>
      </c>
      <c r="P61" s="2">
        <v>63.75</v>
      </c>
      <c r="Q61" s="2"/>
      <c r="R61" s="2" t="s">
        <v>23</v>
      </c>
    </row>
    <row r="62" spans="1:18" s="1" customFormat="1" ht="25.5" x14ac:dyDescent="0.2">
      <c r="A62" s="2" t="s">
        <v>18</v>
      </c>
      <c r="B62" s="4">
        <v>44584</v>
      </c>
      <c r="C62" s="2" t="s">
        <v>19</v>
      </c>
      <c r="D62" s="2">
        <v>3</v>
      </c>
      <c r="E62" s="2">
        <v>0</v>
      </c>
      <c r="F62" s="2"/>
      <c r="G62" s="2" t="s">
        <v>107</v>
      </c>
      <c r="H62" s="2" t="s">
        <v>108</v>
      </c>
      <c r="I62" s="2" t="s">
        <v>109</v>
      </c>
      <c r="J62" s="2" t="s">
        <v>110</v>
      </c>
      <c r="K62" s="2"/>
      <c r="L62" s="2"/>
      <c r="M62" s="2">
        <v>3</v>
      </c>
      <c r="N62" s="2"/>
      <c r="O62" s="2">
        <v>0</v>
      </c>
      <c r="P62" s="2">
        <v>60</v>
      </c>
      <c r="Q62" s="2"/>
      <c r="R62" s="2" t="s">
        <v>23</v>
      </c>
    </row>
  </sheetData>
  <autoFilter ref="A1:R1" xr:uid="{00000000-0001-0000-0000-000000000000}"/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ssage (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ison Hall</dc:creator>
  <cp:lastModifiedBy>Stewart, Heather</cp:lastModifiedBy>
  <dcterms:created xsi:type="dcterms:W3CDTF">2022-01-23T22:08:05Z</dcterms:created>
  <dcterms:modified xsi:type="dcterms:W3CDTF">2022-01-23T22:41:04Z</dcterms:modified>
</cp:coreProperties>
</file>